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1321\group\01_調整グループ\02_バリアフリーの街づくり\005_会議\02_バリアフリー街づくり推進県民会議\005_第19回県民会議（R3.3）\06_ホームページの更新\02_審議結果\資料（※資料4-2_JRの漏れのみ修正）\集約\"/>
    </mc:Choice>
  </mc:AlternateContent>
  <bookViews>
    <workbookView xWindow="0" yWindow="0" windowWidth="28800" windowHeight="12432"/>
  </bookViews>
  <sheets>
    <sheet name="第19回県民会議 " sheetId="11" r:id="rId1"/>
  </sheets>
  <definedNames>
    <definedName name="_xlnm.Print_Area" localSheetId="0">'第19回県民会議 '!$A$1:$D$51</definedName>
  </definedNames>
  <calcPr calcId="152511"/>
</workbook>
</file>

<file path=xl/sharedStrings.xml><?xml version="1.0" encoding="utf-8"?>
<sst xmlns="http://schemas.openxmlformats.org/spreadsheetml/2006/main" count="138" uniqueCount="96">
  <si>
    <t>№</t>
    <phoneticPr fontId="4"/>
  </si>
  <si>
    <t>その他について</t>
    <rPh sb="2" eb="3">
      <t>タ</t>
    </rPh>
    <phoneticPr fontId="1"/>
  </si>
  <si>
    <t>・ジャンル分けを、県庁からの観点でなく、県民の立場で行うこと。例えば弱視の女性が、車いすのおばあさんと一緒に県庁へ行く用事が出来たという物語を想定し、その中で、移動、建物、交通、書類などのさまざまな場面に出会い、それをカバーするＵＤによって気持ちよく目的を達成できるというストーリーなどが考えられる。そのページの中に、交通事業者や企業の取り組みがさりげなく書かれているというのはどうだろう？県民が自分事として読み進められるものでないと受け入れられないのでは？</t>
    <phoneticPr fontId="1"/>
  </si>
  <si>
    <t>議題１）「県民会議からの提案書」の参考資料（取組事例集）の作成について（資料1-1、1-2参照）</t>
    <rPh sb="0" eb="2">
      <t>ギダイ</t>
    </rPh>
    <rPh sb="5" eb="7">
      <t>ケンミン</t>
    </rPh>
    <rPh sb="7" eb="9">
      <t>カイギ</t>
    </rPh>
    <rPh sb="12" eb="15">
      <t>テイアンショ</t>
    </rPh>
    <rPh sb="17" eb="19">
      <t>サンコウ</t>
    </rPh>
    <rPh sb="19" eb="21">
      <t>シリョウ</t>
    </rPh>
    <rPh sb="22" eb="24">
      <t>トリクミ</t>
    </rPh>
    <rPh sb="24" eb="26">
      <t>ジレイ</t>
    </rPh>
    <rPh sb="26" eb="27">
      <t>シュウ</t>
    </rPh>
    <rPh sb="29" eb="31">
      <t>サクセイ</t>
    </rPh>
    <rPh sb="36" eb="38">
      <t>シリョウ</t>
    </rPh>
    <rPh sb="45" eb="47">
      <t>サンショウ</t>
    </rPh>
    <phoneticPr fontId="1"/>
  </si>
  <si>
    <t>議題２）令和３年度県民会議の取組の方向性について（資料２参照）</t>
    <rPh sb="0" eb="2">
      <t>ギダイ</t>
    </rPh>
    <rPh sb="4" eb="6">
      <t>レイワ</t>
    </rPh>
    <rPh sb="7" eb="9">
      <t>ネンド</t>
    </rPh>
    <rPh sb="9" eb="11">
      <t>ケンミン</t>
    </rPh>
    <rPh sb="11" eb="13">
      <t>カイギ</t>
    </rPh>
    <rPh sb="14" eb="16">
      <t>トリクミ</t>
    </rPh>
    <rPh sb="17" eb="20">
      <t>ホウコウセイ</t>
    </rPh>
    <rPh sb="25" eb="27">
      <t>シリョウ</t>
    </rPh>
    <rPh sb="28" eb="30">
      <t>サンショウ</t>
    </rPh>
    <phoneticPr fontId="1"/>
  </si>
  <si>
    <t>議題３）「県民会議からの提案書」の概要版リーフレットの作成について（資料３参照）</t>
    <rPh sb="0" eb="2">
      <t>ギダイ</t>
    </rPh>
    <rPh sb="5" eb="7">
      <t>ケンミン</t>
    </rPh>
    <rPh sb="7" eb="9">
      <t>カイギ</t>
    </rPh>
    <rPh sb="12" eb="15">
      <t>テイアンショ</t>
    </rPh>
    <rPh sb="17" eb="19">
      <t>ガイヨウ</t>
    </rPh>
    <rPh sb="19" eb="20">
      <t>バン</t>
    </rPh>
    <rPh sb="27" eb="29">
      <t>サクセイ</t>
    </rPh>
    <rPh sb="34" eb="36">
      <t>シリョウ</t>
    </rPh>
    <rPh sb="37" eb="39">
      <t>サンショウ</t>
    </rPh>
    <phoneticPr fontId="1"/>
  </si>
  <si>
    <t>議題４）提案内容の実践及び先進事例について（資料4-1,4-2　参照）</t>
    <rPh sb="0" eb="2">
      <t>ギダイ</t>
    </rPh>
    <rPh sb="4" eb="6">
      <t>テイアン</t>
    </rPh>
    <rPh sb="6" eb="8">
      <t>ナイヨウ</t>
    </rPh>
    <rPh sb="9" eb="11">
      <t>ジッセン</t>
    </rPh>
    <rPh sb="11" eb="12">
      <t>オヨ</t>
    </rPh>
    <rPh sb="13" eb="15">
      <t>センシン</t>
    </rPh>
    <rPh sb="15" eb="17">
      <t>ジレイ</t>
    </rPh>
    <rPh sb="22" eb="24">
      <t>シリョウ</t>
    </rPh>
    <rPh sb="32" eb="34">
      <t>サンショウ</t>
    </rPh>
    <phoneticPr fontId="1"/>
  </si>
  <si>
    <t>議題５）モニタリングについて（資料５参照）</t>
    <rPh sb="0" eb="2">
      <t>ギダイ</t>
    </rPh>
    <rPh sb="15" eb="17">
      <t>シリョウ</t>
    </rPh>
    <rPh sb="18" eb="20">
      <t>サンショウ</t>
    </rPh>
    <phoneticPr fontId="1"/>
  </si>
  <si>
    <t xml:space="preserve">・イラストや写真を多用すると同時に、カラーユニバーサルデザインにも配慮すること。
・やさしい日本語で書くこと
・デジタルで作成し、視覚障害、盲ろう、読書障害の人、日本語を母国語としない人、にも読めるものとすること。ルビ振りの別バージョンがあってもよいかもしれない。デジタル版であれば、いつでも更新が可能で、外国語への変換もGoogleで普通に行える。紙だと不可能である。
</t>
    <phoneticPr fontId="1"/>
  </si>
  <si>
    <t>〇早急に対応できるよう努めます。</t>
    <rPh sb="1" eb="3">
      <t>ソウキュウ</t>
    </rPh>
    <rPh sb="4" eb="6">
      <t>タイオウ</t>
    </rPh>
    <rPh sb="11" eb="12">
      <t>ツト</t>
    </rPh>
    <phoneticPr fontId="1"/>
  </si>
  <si>
    <t>〇県民会議として、イラストの多用、カラーユニバーサルデザインへの配慮、やさしい日本語の使用等留意してリーフレットを作成したいと考えています。
〇また、デジタルでの作成等を通して多くの方への配慮を行います。</t>
    <rPh sb="1" eb="3">
      <t>ケンミン</t>
    </rPh>
    <rPh sb="3" eb="5">
      <t>カイギ</t>
    </rPh>
    <rPh sb="32" eb="34">
      <t>ハイリョ</t>
    </rPh>
    <rPh sb="39" eb="42">
      <t>ニホンゴ</t>
    </rPh>
    <rPh sb="43" eb="45">
      <t>シヨウ</t>
    </rPh>
    <rPh sb="45" eb="46">
      <t>トウ</t>
    </rPh>
    <rPh sb="46" eb="48">
      <t>リュウイ</t>
    </rPh>
    <rPh sb="57" eb="59">
      <t>サクセイ</t>
    </rPh>
    <rPh sb="63" eb="64">
      <t>カンガ</t>
    </rPh>
    <rPh sb="81" eb="83">
      <t>サクセイ</t>
    </rPh>
    <rPh sb="83" eb="84">
      <t>トウ</t>
    </rPh>
    <rPh sb="85" eb="86">
      <t>トオ</t>
    </rPh>
    <rPh sb="88" eb="89">
      <t>オオ</t>
    </rPh>
    <rPh sb="91" eb="92">
      <t>カタ</t>
    </rPh>
    <rPh sb="92" eb="93">
      <t>サマガタ</t>
    </rPh>
    <rPh sb="94" eb="96">
      <t>ハイリョ</t>
    </rPh>
    <rPh sb="97" eb="98">
      <t>オコナ</t>
    </rPh>
    <phoneticPr fontId="1"/>
  </si>
  <si>
    <t>〇県民会議として、イラストの多用、カラーユニバーサルデザインへの配慮、やさしい日本語の使用等留意してリーフレットを作成したいと考えています。
〇また、デジタルでの作成等を通して多くの方への配慮を行います。</t>
    <phoneticPr fontId="1"/>
  </si>
  <si>
    <t xml:space="preserve">〇構成団体各者が、提案書に基づいた取組を各々進めるとともに、紹介したい事例を「実践事例」として共有するために寄せていただいている資料になっております。  
〇資料自体は提案書の区分に沿ってあげて頂いていますが、基本的に自薦で、客観的な審査基準は特に設けていないのが現状です。
</t>
    <rPh sb="122" eb="123">
      <t>トク</t>
    </rPh>
    <phoneticPr fontId="1"/>
  </si>
  <si>
    <t xml:space="preserve">〇事例の構成や配置、また、取組主体の項目立ての工夫等により、事例集が分かりやすいものになるようにしていきます。
</t>
    <rPh sb="1" eb="3">
      <t>ジレイ</t>
    </rPh>
    <rPh sb="4" eb="6">
      <t>コウセイ</t>
    </rPh>
    <rPh sb="7" eb="9">
      <t>ハイチ</t>
    </rPh>
    <rPh sb="13" eb="15">
      <t>トリクミ</t>
    </rPh>
    <rPh sb="15" eb="17">
      <t>シュタイ</t>
    </rPh>
    <rPh sb="18" eb="20">
      <t>コウモク</t>
    </rPh>
    <rPh sb="20" eb="21">
      <t>ダ</t>
    </rPh>
    <rPh sb="23" eb="25">
      <t>クフウ</t>
    </rPh>
    <rPh sb="25" eb="26">
      <t>トウ</t>
    </rPh>
    <rPh sb="30" eb="32">
      <t>ジレイ</t>
    </rPh>
    <phoneticPr fontId="1"/>
  </si>
  <si>
    <t>〇疑似体験については留意が必要であり、その実施にあたっては先入観を持たせないような工夫が必要である旨の記載を検討します。</t>
    <rPh sb="1" eb="3">
      <t>ギジ</t>
    </rPh>
    <rPh sb="3" eb="5">
      <t>タイケン</t>
    </rPh>
    <rPh sb="10" eb="12">
      <t>リュウイ</t>
    </rPh>
    <rPh sb="13" eb="15">
      <t>ヒツヨウ</t>
    </rPh>
    <rPh sb="21" eb="23">
      <t>ジッシ</t>
    </rPh>
    <rPh sb="29" eb="32">
      <t>センニュウカン</t>
    </rPh>
    <rPh sb="33" eb="34">
      <t>モ</t>
    </rPh>
    <rPh sb="41" eb="43">
      <t>クフウ</t>
    </rPh>
    <rPh sb="44" eb="46">
      <t>ヒツヨウ</t>
    </rPh>
    <rPh sb="49" eb="50">
      <t>ムネ</t>
    </rPh>
    <rPh sb="51" eb="53">
      <t>キサイ</t>
    </rPh>
    <rPh sb="54" eb="56">
      <t>ケントウ</t>
    </rPh>
    <phoneticPr fontId="1"/>
  </si>
  <si>
    <t>〇会議開催方法は新型コロナウイルス感染症の状況や影響も勘案しつつ検討します。</t>
    <rPh sb="21" eb="23">
      <t>ジョウキョウ</t>
    </rPh>
    <phoneticPr fontId="1"/>
  </si>
  <si>
    <t>〇県民会議として、イラストの多用、カラーユニバーサルデザインへの配慮、やさしい日本語の使用等留意してリーフレットを作成したいと考えています。
〇また、デジタルでの作成等を通して多くの方への配慮を行います。
〇多くの方にとって分かりやすく、関心を持ってもらえるようなリーフレットの構成案を検討していきます。</t>
    <phoneticPr fontId="1"/>
  </si>
  <si>
    <t xml:space="preserve">〇この資料は、基本的に、構成団体各者が、提案書に基づく取組を各々進めるとともに、紹介したい事例を「実践事例」として共有のためにそれぞれ寄せて頂いた資料で、その性質から、基本的に自薦で、また提案書の区分に沿って事例が寄せられています。
〇　また、これとは別に県実施の「神奈川県バリアフリー街づくり表彰」という表彰の受賞団体のうち、近年のソフト部門の受賞者も資料に掲載しています。
〇　今後の検討の中で、事例提出にあたりもう少し詳細項目(基準）を設ける等、どういう観点からのどういう事例かということをもっと見える化すること等も含めて検討したいと思います。
</t>
    <rPh sb="3" eb="5">
      <t>シリョウ</t>
    </rPh>
    <rPh sb="7" eb="10">
      <t>キホンテキ</t>
    </rPh>
    <rPh sb="40" eb="42">
      <t>ショウカイ</t>
    </rPh>
    <rPh sb="45" eb="47">
      <t>ジレイ</t>
    </rPh>
    <rPh sb="70" eb="71">
      <t>イタダ</t>
    </rPh>
    <rPh sb="73" eb="75">
      <t>シリョウ</t>
    </rPh>
    <rPh sb="79" eb="81">
      <t>セイシツ</t>
    </rPh>
    <rPh sb="84" eb="87">
      <t>キホンテキ</t>
    </rPh>
    <rPh sb="88" eb="90">
      <t>ジセン</t>
    </rPh>
    <rPh sb="94" eb="97">
      <t>テイアンショ</t>
    </rPh>
    <rPh sb="98" eb="100">
      <t>クブン</t>
    </rPh>
    <rPh sb="101" eb="102">
      <t>ソ</t>
    </rPh>
    <rPh sb="104" eb="106">
      <t>ジレイ</t>
    </rPh>
    <rPh sb="107" eb="108">
      <t>ヨ</t>
    </rPh>
    <rPh sb="126" eb="127">
      <t>ベツ</t>
    </rPh>
    <rPh sb="133" eb="137">
      <t>カナガワケン</t>
    </rPh>
    <rPh sb="153" eb="155">
      <t>ヒョウショウ</t>
    </rPh>
    <rPh sb="177" eb="179">
      <t>シリョウ</t>
    </rPh>
    <phoneticPr fontId="1"/>
  </si>
  <si>
    <t>〇会議資料等がわかりづらく申し訳ありません。今後気を付けてまいります。</t>
    <rPh sb="1" eb="3">
      <t>カイギ</t>
    </rPh>
    <rPh sb="3" eb="5">
      <t>シリョウ</t>
    </rPh>
    <rPh sb="5" eb="6">
      <t>トウ</t>
    </rPh>
    <rPh sb="13" eb="14">
      <t>モウ</t>
    </rPh>
    <rPh sb="15" eb="16">
      <t>ワケ</t>
    </rPh>
    <rPh sb="22" eb="24">
      <t>コンゴ</t>
    </rPh>
    <rPh sb="24" eb="25">
      <t>キ</t>
    </rPh>
    <rPh sb="26" eb="27">
      <t>ツ</t>
    </rPh>
    <phoneticPr fontId="1"/>
  </si>
  <si>
    <t>〇あまり厚いものにならないように留意して作成します。</t>
    <rPh sb="4" eb="5">
      <t>アツ</t>
    </rPh>
    <rPh sb="16" eb="18">
      <t>リュウイ</t>
    </rPh>
    <rPh sb="20" eb="22">
      <t>サクセイ</t>
    </rPh>
    <phoneticPr fontId="1"/>
  </si>
  <si>
    <t>〇障害の社会モデルの理解に関する記述の充実を検討します。</t>
    <rPh sb="1" eb="3">
      <t>ショウガイ</t>
    </rPh>
    <rPh sb="4" eb="6">
      <t>シャカイ</t>
    </rPh>
    <rPh sb="10" eb="12">
      <t>リカイ</t>
    </rPh>
    <rPh sb="13" eb="14">
      <t>カン</t>
    </rPh>
    <rPh sb="16" eb="18">
      <t>キジュツ</t>
    </rPh>
    <rPh sb="19" eb="21">
      <t>ジュウジツ</t>
    </rPh>
    <rPh sb="22" eb="24">
      <t>ケントウ</t>
    </rPh>
    <phoneticPr fontId="1"/>
  </si>
  <si>
    <t>委員名</t>
    <rPh sb="0" eb="2">
      <t>イイン</t>
    </rPh>
    <rPh sb="2" eb="3">
      <t>メイ</t>
    </rPh>
    <phoneticPr fontId="4"/>
  </si>
  <si>
    <t>　県民が読むための資料になっていない。県庁内の資料にしか思えない。
　誰のための資料なのか？これらの事例から学べることは何で、それぞれの事業者や県民が、自分ならどうすべきなのかがわからないのでは？
　全体として長すぎて、どこが自分にかかわるものなのかわからない企業や個人が多いのでは？</t>
    <phoneticPr fontId="1"/>
  </si>
  <si>
    <t>　UD先進県では、疑似体験だけの研修をUD研修としては20年前から禁止している。この事例では少しは当事者の話があるようだが、それが障害理解につながるものか不明である。障害や加齢を、恐ろしいもの、できれば自分はかかわりたくないものという先入観をもたせない工夫はされているのだろうか？
(本当はもうバリアフリーという前時代的な言葉を一掃したいのだが県はいまだに県内に多くのバリアがあるという認識なのだろう。)</t>
    <phoneticPr fontId="1"/>
  </si>
  <si>
    <t>　今回は時間もないので、構成について異論はないが、今後、それぞれの取り組みの、発案（なぜその取り組みをしようと思ったか）、過程（どのような事を考え取り入れたかなど）、効果が簡潔にわかると良いと思う。
それぞれの、やった事発表だけではなく、この参考資料を見た人が、自分だったら何が出来るかを考えてもらうヒントに結び付けられるような記載や流れにしたらいいと思う。</t>
    <phoneticPr fontId="1"/>
  </si>
  <si>
    <t>　取組事例集を作成することは賛同するが、推進にあたっては、UD2020行動計画に基づく必要があると思われる。特に、「心のバリアフリー」の根幹である障害の社会モデルの理解に関する記述が十分ではないように思う。</t>
    <phoneticPr fontId="1"/>
  </si>
  <si>
    <t>　取組事例は、Good Practiceの例として掲載するのだと思われるため、選考委員会等を設置する必要があるのではないか。今後の検討をお願いしたいと思う。</t>
    <phoneticPr fontId="1"/>
  </si>
  <si>
    <t>　早急にリーフレットの作成・配布を望む。</t>
    <rPh sb="17" eb="18">
      <t>ノゾ</t>
    </rPh>
    <phoneticPr fontId="1"/>
  </si>
  <si>
    <t>　コロナでイベントが中止されたのはわかるが、この資料をＷｅｂで公開しないのか？</t>
    <phoneticPr fontId="1"/>
  </si>
  <si>
    <t>　リーフレットで紙で配布するのは費用もかかるし感染の危険もある。視覚、知的の人への情報保障もできない。
　デジタルをメインにし、それをアクセシブルＰＤＦでもダウンロードできるようにするのが前提である。そうでなければＵＤとはいえない。</t>
    <phoneticPr fontId="1"/>
  </si>
  <si>
    <t>　コロナ禍が終息しない中での運営は難しいと思うが、オンラインでの開催等の検討も必要と思われるので、検討をお願いしたい。</t>
    <rPh sb="42" eb="43">
      <t>オモ</t>
    </rPh>
    <phoneticPr fontId="1"/>
  </si>
  <si>
    <t>　ホームページやSNSでの提案書の説明、バリアフリー事例紹介はぜひやっていただきたい。</t>
    <phoneticPr fontId="1"/>
  </si>
  <si>
    <t xml:space="preserve">　文字、写真だけでなく、動画（手話・字幕入り）も検討していただきたい。
</t>
    <phoneticPr fontId="1"/>
  </si>
  <si>
    <t>　賛成です。</t>
    <phoneticPr fontId="1"/>
  </si>
  <si>
    <t>　広報活動「（ＨＰやＳＮＳ）での発信など」を強化した方が良いと思う。</t>
    <rPh sb="31" eb="32">
      <t>オモ</t>
    </rPh>
    <phoneticPr fontId="1"/>
  </si>
  <si>
    <t>　接触、対面型イベントが中止となるため、会議をＷＥＢ会議等で、実施する方法を検討しても良いと思う。</t>
    <phoneticPr fontId="1"/>
  </si>
  <si>
    <t>〇委員の皆様からのご意見を踏まえつつ、ＨＰ・ＳＮＳ等での紹介や情報提供を検討し、進めていきたいと思います。</t>
    <rPh sb="1" eb="3">
      <t>イイン</t>
    </rPh>
    <rPh sb="4" eb="5">
      <t>ミナ</t>
    </rPh>
    <rPh sb="5" eb="6">
      <t>サマ</t>
    </rPh>
    <rPh sb="10" eb="12">
      <t>イケン</t>
    </rPh>
    <rPh sb="13" eb="14">
      <t>フ</t>
    </rPh>
    <rPh sb="25" eb="26">
      <t>トウ</t>
    </rPh>
    <rPh sb="28" eb="30">
      <t>ショウカイ</t>
    </rPh>
    <rPh sb="31" eb="33">
      <t>ジョウホウ</t>
    </rPh>
    <rPh sb="33" eb="35">
      <t>テイキョウ</t>
    </rPh>
    <rPh sb="36" eb="38">
      <t>ケントウ</t>
    </rPh>
    <rPh sb="40" eb="41">
      <t>スス</t>
    </rPh>
    <rPh sb="48" eb="49">
      <t>オモ</t>
    </rPh>
    <phoneticPr fontId="1"/>
  </si>
  <si>
    <t>　方向性について異論はない。SNSは今の時代には欠かせないツールである。特に若者に見てもらえるような、内容、表現、アイデアが必要だと思う。農林水産省のyoutubeも話題になった。各行政でも色々面白く話題になっている動画もある。SNSについても、投稿していく内容を考える人は、センスが必要だと思われる。</t>
    <phoneticPr fontId="1"/>
  </si>
  <si>
    <t>　今後の会議について、対面でできない場合、オンライン開催を検討してもらいたい。書面では、事務局の負担も大きいこと、何より、意見の出し合い、深堀りなどは、話し合う場が重要で良いアイデアが出てくるのだと思う。オンラインだと、コロナの心配もなく、移動の時間もかからず、多くの人にとって参加しやすいと思う。</t>
    <rPh sb="11" eb="13">
      <t>タイメン</t>
    </rPh>
    <rPh sb="18" eb="20">
      <t>バアイ</t>
    </rPh>
    <phoneticPr fontId="1"/>
  </si>
  <si>
    <t>　作成に当たっては、バリアフリー県民会議ならではのユニバーサルデザインに配慮した内容を期待します。</t>
    <phoneticPr fontId="1"/>
  </si>
  <si>
    <t>　わかりやすい概要版を作成することは賛成だが、内容として、UD2020行動計画、バリアフリー法、障害者政策委員会等の国の取り組みとの対応も明確にした方が良いと思う。</t>
    <phoneticPr fontId="1"/>
  </si>
  <si>
    <t>　活用方法について、TVKかなフルTV、かなチャンTVでリーフレットの紹介をするとともに、バリアフリーの取り組みについて説明するのはどうか。できれば黒岩知事に出演していただきたい。</t>
    <phoneticPr fontId="1"/>
  </si>
  <si>
    <t>　賛成だが、進めるための会議を書類開催だけでなく、リモートなどを活用してその場で意見を言えるようにすると良いと思う。</t>
    <phoneticPr fontId="1"/>
  </si>
  <si>
    <t>　様々な障害のある方も理解できるような方法で、数種類のパターンを検討していただくと良いと思う。</t>
    <phoneticPr fontId="1"/>
  </si>
  <si>
    <t>　提案書（平成29年～平成31年）に対して、令和３年に概要版リーフレットの作成において、令和元年６月に認知症施策推進大綱、令和２年５月にバリアフリー法改正等と、法律の推進や改正が行われているので、これを踏まえ、時点修正が必要ではないかと思われる。</t>
    <phoneticPr fontId="1"/>
  </si>
  <si>
    <t>・手に取ってみたくなるようなもの。
・Ａ３折り込み型は、A4が4ページ分でしょうか？ページ数は少ない方がいいです。
・予算が問題なければカラーで。
・文字は少なく、難しい単語は使わず、簡潔に、親しみやすく。
・障害・福祉関係者だけでなく、それ以外の人に興味を持ってもらえるようなもの、読んでもらえるようなもの。</t>
    <phoneticPr fontId="1"/>
  </si>
  <si>
    <t>　活用手段は、なかなか良いアイデアはないが、重要ポイントとして、せっかく作ったものが、多くの人の手に渡り、見てもらわないと。
　公立学校の生徒には全員に配布し1年の中の1時間でもいいから学ぶ場を作って欲しい。福祉教育を通じ、生き方そのものも学べるし、全ての人に関わる大切な事である。行政は、課の枠を超えて、他課とも協働してほしい。</t>
    <phoneticPr fontId="1"/>
  </si>
  <si>
    <t>　もともとがどういう審査基準で掲載しているのかが不明のため、今度のものが、先進事例かどうかは何ともいえない。本当に先進的なら、その企業でどれだけ障害者を雇用し、管理職として登用したり、その人を講師として新入社員への徹底した研修を行っているか、などで評価すべき。内なるＵＤを進めずして、勉強だけしても、社会のＵＤは進まない。
内閣府の審査会には、推薦できない気がする。国としては、以下のような観点で各省庁や自治体から推薦されたものを評価しているからだ。
・当事者が設計・製品開発や政策・プログラム決定の中心にいて
・当事者の意見を聞きながらスパイラルに改善のプロセスを繰り返し
・その組織の構成員や顧客の意識や行動に、大きな変革をもたらしたか
・他県や他国への良い事例として紹介することが可能か</t>
    <phoneticPr fontId="1"/>
  </si>
  <si>
    <t>　今回、提案されている個別事例についての意見ではないが、評価の基準等を明確にし、その基準を公表すると良いのではないかと思う。</t>
    <phoneticPr fontId="1"/>
  </si>
  <si>
    <t>　実践、先進事例をもう少し増やし、９番を追加してほしい。</t>
    <phoneticPr fontId="1"/>
  </si>
  <si>
    <t>　事例19「福祉のまちづくり研修会」のような研修会を今後も継続し、街づくり賞受賞者（団体）を講師する等し、開催、検討してはどうか。（対面イベントが中止のため）</t>
    <rPh sb="50" eb="51">
      <t>ナド</t>
    </rPh>
    <phoneticPr fontId="1"/>
  </si>
  <si>
    <t>　小中学校などでバリアフリー教育に関して取り組んでいる事例を特に取り挙げていただくことを希望する。</t>
    <phoneticPr fontId="1"/>
  </si>
  <si>
    <t>　こういう点が良いがここはもっとこうしたら、と助言するためのものであれば受ける側も嬉しいと思うが、意図が良くわからない。審査基準に当事者参加が入っていないのはなぜか。何年くらい継続していて、波及効果は何か、など、項目そのものも見直す必要があるかもしれない。</t>
    <phoneticPr fontId="1"/>
  </si>
  <si>
    <t>　検討項目については、UD2020行動計画、バリアフリー法、障害者政策委員会の議論等に基づき、再検討する必要があるのではないかと思う。特に、心のバリアフリーについては、障害の社会モデルの観点からの再検討が必要不可欠だと思う。</t>
    <phoneticPr fontId="1"/>
  </si>
  <si>
    <t>　モニタリングは「提案内容の実践及び先進事例について」もしくは「神奈川県バリアフリー街づくり賞」の受賞事例等の事例の中でも、特に当事者団体でないものが主催となっている事例が好ましい。当事者でないものがどのような思いやアプローチでその事例に至ったか、その考え方や手段を広めることが大切だと思っています。</t>
    <phoneticPr fontId="1"/>
  </si>
  <si>
    <t>　訪問しての調査は、コロナが落ち着くまで見合わせる方向でどうか。</t>
    <phoneticPr fontId="1"/>
  </si>
  <si>
    <t>　今回のこの資料そのものが、UDではない。それぞれの紙の中で、何が課題で、何に対して意見を出せと言われているのか、かなり読み込まないと理解できない。議題５なら、議題の題名をそこに書き、参照する資料の番号を振るべき。
　会議進行の方法そのものを、UDにするというのは、熊本県では2000年ごろ、まっさきに手を付けた内容である。滋賀県や成田空港では30人以上の障害当事者がＵＤの委員会に出席して議論を戦わせるため、会議の運営そのものもしっかりＵＤである。滋賀県は知的障害の委員もいるため、彼女用にはルビ付きのデータを送っている。盲ろう、発達、神経難病などもいて、多様な情報保障が大前提である。
　まずは、神奈川県庁自体が、ＵＤを学ぶ必要があるのでは？男性の育児休職や障害のある管理職の比率なども目標値にしてほしい。</t>
    <phoneticPr fontId="1"/>
  </si>
  <si>
    <t>　「心のバリアフリー」については、内閣府等の会議において、適切に理解されていないのではないかという指摘が出てきている。
　例えば、2021年2月15日に元東洋大学教授の川内美彦先生が『尊厳なきバリアフリー　「心・やさしさ・思いやり」に意義あり！』という本を出された。この本の中には、川内先生が実施された700人を対象としたアンケート調査（2019年９月の調査）が紹介されている。この調査では、「心のバリアフリー」を知らない人が約７割で、「心のバリアフリー」から連想する内容は、「やさしさ」（67.1％）、「思いやり」（65.7％）、「ハート」（63.4％）で、「平等」は半数程度（49.6％）しかなく、「権利」（32.0％）、「差別」（21.0％）、「尊厳」（19.0％）は、さらに低かったと報告している。つまり、「心のバリアフリー」が行動計画の定義とは異なる理解をされていることが指摘されているわけである。
　また、日本リサーチセンターでも、「ユニバーサルデザイン社会の実現度 定点観測調査」（https://www.nrc.co.jp/report/201221.html）を毎年、実施している。この調査では、2017年から2020年の時系列変化を分析しており、「ユニバーサルデザイン社会を実現しようとする人々の意識、心のバリアフリー意識は2017年から2018年に一定程度の高まりを見せたあと、2019年から2020年にかけて減少した（逆U字型カーブ）」と分析している。
　これらのデータを拝見すると、「心のバリアフリー」は、正確には理解されていないと考えられる。そのため、「心のバリアフリー」を正確に理解してもらえるような、普及・啓発活動が必要なのではないかと考えられる。また、普及・啓発活動によって、「心のバリアフリー」が正確に理解されているかを定期的に評価し続けることが大切だと思う。</t>
    <phoneticPr fontId="1"/>
  </si>
  <si>
    <t>〇令和３年度も引き続き、県では、新型コロナウイルス感染症対応に、限られた予算や人的資源を集中する観点から、県イベント・行事等は原則中止となっており、表彰の実施については難しい状況ですが、可能な対応について検討したいと思います。</t>
    <rPh sb="1" eb="3">
      <t>レイワ</t>
    </rPh>
    <rPh sb="4" eb="6">
      <t>ネンド</t>
    </rPh>
    <rPh sb="7" eb="8">
      <t>ヒ</t>
    </rPh>
    <rPh sb="9" eb="10">
      <t>ツヅ</t>
    </rPh>
    <rPh sb="12" eb="13">
      <t>ケン</t>
    </rPh>
    <rPh sb="16" eb="18">
      <t>シンガタ</t>
    </rPh>
    <rPh sb="25" eb="28">
      <t>カンセンショウ</t>
    </rPh>
    <rPh sb="28" eb="30">
      <t>タイオウ</t>
    </rPh>
    <rPh sb="32" eb="33">
      <t>カギ</t>
    </rPh>
    <rPh sb="36" eb="38">
      <t>ヨサン</t>
    </rPh>
    <rPh sb="39" eb="41">
      <t>ジンテキ</t>
    </rPh>
    <rPh sb="41" eb="43">
      <t>シゲン</t>
    </rPh>
    <rPh sb="44" eb="46">
      <t>シュウチュウ</t>
    </rPh>
    <rPh sb="48" eb="50">
      <t>カンテン</t>
    </rPh>
    <rPh sb="53" eb="54">
      <t>ケン</t>
    </rPh>
    <rPh sb="59" eb="61">
      <t>ギョウジ</t>
    </rPh>
    <rPh sb="61" eb="62">
      <t>トウ</t>
    </rPh>
    <rPh sb="63" eb="65">
      <t>ゲンソク</t>
    </rPh>
    <rPh sb="65" eb="67">
      <t>チュウシ</t>
    </rPh>
    <rPh sb="74" eb="76">
      <t>ヒョウショウ</t>
    </rPh>
    <rPh sb="77" eb="79">
      <t>ジッシ</t>
    </rPh>
    <rPh sb="84" eb="85">
      <t>ムズカ</t>
    </rPh>
    <rPh sb="87" eb="89">
      <t>ジョウキョウ</t>
    </rPh>
    <rPh sb="93" eb="95">
      <t>カノウ</t>
    </rPh>
    <rPh sb="96" eb="98">
      <t>タイオウ</t>
    </rPh>
    <rPh sb="102" eb="104">
      <t>ケントウ</t>
    </rPh>
    <rPh sb="108" eb="109">
      <t>オモ</t>
    </rPh>
    <phoneticPr fontId="1"/>
  </si>
  <si>
    <t>　リーフレットはどの位の厚さになるのか？あまり厚いと読む人が飽きてしまうので注意が必要。</t>
    <phoneticPr fontId="1"/>
  </si>
  <si>
    <t>　バリアフリー賞の選定の実施は、続けることを要望する。</t>
    <phoneticPr fontId="1"/>
  </si>
  <si>
    <t>　事例集は、このような団体がこんなこともやっているのか、と気づかされ、新たな取り組みや連携につながっていく大変よい資料と思った。ぜひ多くの関係者に広げていただきたい。</t>
    <phoneticPr fontId="1"/>
  </si>
  <si>
    <t>　YouTube配信等の広報活動の強化。「バリアフリーに関わる様々な団体や企業の紹介」をしていっても面白いかと思う。</t>
    <phoneticPr fontId="1"/>
  </si>
  <si>
    <t>〇従来から会議結果の公表とともに資料をHPで公開しており、今回も同様に資料を公開する予定です。</t>
    <rPh sb="1" eb="3">
      <t>ジュウライ</t>
    </rPh>
    <rPh sb="5" eb="7">
      <t>カイギ</t>
    </rPh>
    <rPh sb="7" eb="9">
      <t>ケッカ</t>
    </rPh>
    <rPh sb="10" eb="12">
      <t>コウヒョウ</t>
    </rPh>
    <rPh sb="16" eb="18">
      <t>シリョウ</t>
    </rPh>
    <rPh sb="22" eb="24">
      <t>コウカイ</t>
    </rPh>
    <rPh sb="29" eb="31">
      <t>コンカイ</t>
    </rPh>
    <rPh sb="32" eb="34">
      <t>ドウヨウ</t>
    </rPh>
    <rPh sb="35" eb="37">
      <t>シリョウ</t>
    </rPh>
    <rPh sb="38" eb="40">
      <t>コウカイ</t>
    </rPh>
    <rPh sb="42" eb="44">
      <t>ヨテイ</t>
    </rPh>
    <phoneticPr fontId="1"/>
  </si>
  <si>
    <t>〇委員の皆様のご意見を踏まえつつ、リーフレットの活用方法や普及策につきまして今後検討していきます。</t>
    <rPh sb="24" eb="26">
      <t>カツヨウ</t>
    </rPh>
    <rPh sb="26" eb="28">
      <t>ホウホウ</t>
    </rPh>
    <rPh sb="29" eb="31">
      <t>フキュウ</t>
    </rPh>
    <rPh sb="31" eb="32">
      <t>サク</t>
    </rPh>
    <rPh sb="38" eb="40">
      <t>コンゴ</t>
    </rPh>
    <rPh sb="40" eb="42">
      <t>ケントウ</t>
    </rPh>
    <phoneticPr fontId="1"/>
  </si>
  <si>
    <t>委員意見（要旨）</t>
    <rPh sb="0" eb="2">
      <t>イイン</t>
    </rPh>
    <rPh sb="2" eb="4">
      <t>イケン</t>
    </rPh>
    <rPh sb="5" eb="7">
      <t>ヨウシ</t>
    </rPh>
    <phoneticPr fontId="4"/>
  </si>
  <si>
    <t>※敬称略。委員意見は要旨。議題順・名簿順に掲載</t>
    <phoneticPr fontId="1"/>
  </si>
  <si>
    <t>　１事例１頁（最大2ページ）完結で見やすく整理してはどうか。事例によっては数ページになっているものがあり読みにくいように思う。
　またその際、事例シートの構成を統一し、最初に写真などの視覚情報を提示し、その後に活動内容などを載せてはどうか。</t>
    <phoneticPr fontId="1"/>
  </si>
  <si>
    <t>〇概要版リーフレットは様々な方が見られるように、デジタルでの掲載は前提として考えており、そのようにしたいと思います。
〇また、紙媒体の作成にあたっては手話動画や音声の対応についてQRコードの貼付等の工夫を図りたいと考えています。</t>
    <rPh sb="1" eb="3">
      <t>ガイヨウ</t>
    </rPh>
    <rPh sb="3" eb="4">
      <t>バン</t>
    </rPh>
    <rPh sb="11" eb="13">
      <t>サマザマ</t>
    </rPh>
    <rPh sb="14" eb="15">
      <t>カタ</t>
    </rPh>
    <rPh sb="16" eb="17">
      <t>ミ</t>
    </rPh>
    <rPh sb="30" eb="32">
      <t>ケイサイ</t>
    </rPh>
    <rPh sb="33" eb="35">
      <t>ゼンテイ</t>
    </rPh>
    <rPh sb="38" eb="39">
      <t>カンガ</t>
    </rPh>
    <rPh sb="53" eb="54">
      <t>オモ</t>
    </rPh>
    <rPh sb="63" eb="64">
      <t>カミ</t>
    </rPh>
    <rPh sb="64" eb="66">
      <t>バイタイ</t>
    </rPh>
    <rPh sb="67" eb="69">
      <t>サクセイ</t>
    </rPh>
    <rPh sb="75" eb="77">
      <t>シュワ</t>
    </rPh>
    <rPh sb="77" eb="79">
      <t>ドウガ</t>
    </rPh>
    <rPh sb="80" eb="82">
      <t>オンセイ</t>
    </rPh>
    <rPh sb="83" eb="85">
      <t>タイオウ</t>
    </rPh>
    <rPh sb="95" eb="97">
      <t>チョウフ</t>
    </rPh>
    <rPh sb="97" eb="98">
      <t>ナド</t>
    </rPh>
    <rPh sb="99" eb="101">
      <t>クフウ</t>
    </rPh>
    <rPh sb="102" eb="103">
      <t>ハカ</t>
    </rPh>
    <rPh sb="107" eb="108">
      <t>カンガ</t>
    </rPh>
    <phoneticPr fontId="1"/>
  </si>
  <si>
    <t>〇委員の皆様からのご意見を踏まえつつ、ＨＰ・ＳＮＳ等での紹介や情報提供を検討します。</t>
    <rPh sb="1" eb="3">
      <t>イイン</t>
    </rPh>
    <rPh sb="4" eb="5">
      <t>ミナ</t>
    </rPh>
    <rPh sb="5" eb="6">
      <t>サマ</t>
    </rPh>
    <rPh sb="10" eb="12">
      <t>イケン</t>
    </rPh>
    <rPh sb="13" eb="14">
      <t>フ</t>
    </rPh>
    <rPh sb="25" eb="26">
      <t>トウ</t>
    </rPh>
    <rPh sb="28" eb="30">
      <t>ショウカイ</t>
    </rPh>
    <rPh sb="31" eb="33">
      <t>ジョウホウ</t>
    </rPh>
    <rPh sb="33" eb="35">
      <t>テイキョウ</t>
    </rPh>
    <rPh sb="36" eb="38">
      <t>ケントウ</t>
    </rPh>
    <phoneticPr fontId="1"/>
  </si>
  <si>
    <t>〇紙媒体の作成にあたっての手話動画や音声の対応についてのQRコードの貼付等、工夫を図りたいと考えています。</t>
    <rPh sb="46" eb="47">
      <t>カンガ</t>
    </rPh>
    <phoneticPr fontId="1"/>
  </si>
  <si>
    <t>〇会議開催及びその方法につきましては新型コロナウイルス感染症の状況や影響も勘案しつつ検討します。</t>
    <rPh sb="5" eb="6">
      <t>オヨ</t>
    </rPh>
    <rPh sb="9" eb="11">
      <t>ホウホウ</t>
    </rPh>
    <rPh sb="31" eb="33">
      <t>ジョウキョウ</t>
    </rPh>
    <phoneticPr fontId="1"/>
  </si>
  <si>
    <t>〇多くの方にとって分かりやすく、関心を持ってもらえるようなリーフレットの構成案を検討します。</t>
    <rPh sb="1" eb="2">
      <t>オオ</t>
    </rPh>
    <rPh sb="4" eb="5">
      <t>カタ</t>
    </rPh>
    <rPh sb="9" eb="10">
      <t>ワ</t>
    </rPh>
    <rPh sb="16" eb="18">
      <t>カンシン</t>
    </rPh>
    <rPh sb="19" eb="20">
      <t>モ</t>
    </rPh>
    <rPh sb="36" eb="38">
      <t>コウセイ</t>
    </rPh>
    <rPh sb="38" eb="39">
      <t>アン</t>
    </rPh>
    <rPh sb="40" eb="42">
      <t>ケントウ</t>
    </rPh>
    <phoneticPr fontId="1"/>
  </si>
  <si>
    <t>〇国関連施策等との対応について原稿案に入れ込む検討をしていきます。</t>
    <rPh sb="1" eb="2">
      <t>クニ</t>
    </rPh>
    <rPh sb="2" eb="4">
      <t>カンレン</t>
    </rPh>
    <rPh sb="4" eb="6">
      <t>シサク</t>
    </rPh>
    <rPh sb="6" eb="7">
      <t>トウ</t>
    </rPh>
    <rPh sb="9" eb="11">
      <t>タイオウ</t>
    </rPh>
    <rPh sb="15" eb="17">
      <t>ゲンコウ</t>
    </rPh>
    <rPh sb="17" eb="18">
      <t>アン</t>
    </rPh>
    <rPh sb="19" eb="20">
      <t>イ</t>
    </rPh>
    <rPh sb="21" eb="22">
      <t>コ</t>
    </rPh>
    <rPh sb="23" eb="25">
      <t>ケントウ</t>
    </rPh>
    <phoneticPr fontId="1"/>
  </si>
  <si>
    <t>〇国関連施策等との対応についてご意見を踏まえて今後検討していきます。</t>
    <rPh sb="1" eb="2">
      <t>クニ</t>
    </rPh>
    <rPh sb="2" eb="4">
      <t>カンレン</t>
    </rPh>
    <rPh sb="4" eb="6">
      <t>シサク</t>
    </rPh>
    <rPh sb="6" eb="7">
      <t>ナド</t>
    </rPh>
    <rPh sb="9" eb="11">
      <t>タイオウ</t>
    </rPh>
    <rPh sb="16" eb="18">
      <t>イケン</t>
    </rPh>
    <rPh sb="19" eb="20">
      <t>フ</t>
    </rPh>
    <rPh sb="23" eb="25">
      <t>コンゴ</t>
    </rPh>
    <rPh sb="25" eb="27">
      <t>ケントウ</t>
    </rPh>
    <phoneticPr fontId="1"/>
  </si>
  <si>
    <t>〇頂いたご意見を踏まえて検討します。</t>
    <rPh sb="1" eb="2">
      <t>イタダ</t>
    </rPh>
    <rPh sb="5" eb="7">
      <t>イケン</t>
    </rPh>
    <rPh sb="8" eb="9">
      <t>フ</t>
    </rPh>
    <rPh sb="12" eb="14">
      <t>ケントウ</t>
    </rPh>
    <phoneticPr fontId="1"/>
  </si>
  <si>
    <t>〇「福祉のまちづくり研修会」では、建築士等を対象に、横浜・川崎両市と共催のうえ、例年、障害当事者の方や建築関係者を講師としています。頂いたご意見も踏まえつつ、今年度の講師を検討します。
〇また、頂いたご意見も踏まえつつ、普及に関する取組について今後検討していきます。</t>
    <rPh sb="2" eb="4">
      <t>フクシ</t>
    </rPh>
    <rPh sb="10" eb="13">
      <t>ケンシュウカイ</t>
    </rPh>
    <rPh sb="17" eb="20">
      <t>ケンチクシ</t>
    </rPh>
    <rPh sb="20" eb="21">
      <t>トウ</t>
    </rPh>
    <rPh sb="22" eb="24">
      <t>タイショウ</t>
    </rPh>
    <rPh sb="26" eb="28">
      <t>ヨコハマ</t>
    </rPh>
    <rPh sb="29" eb="31">
      <t>カワサキ</t>
    </rPh>
    <rPh sb="31" eb="33">
      <t>リョウシ</t>
    </rPh>
    <rPh sb="34" eb="36">
      <t>キョウサイ</t>
    </rPh>
    <rPh sb="40" eb="42">
      <t>レイネン</t>
    </rPh>
    <rPh sb="43" eb="45">
      <t>ショウガイ</t>
    </rPh>
    <rPh sb="45" eb="48">
      <t>トウジシャ</t>
    </rPh>
    <rPh sb="49" eb="50">
      <t>カタ</t>
    </rPh>
    <rPh sb="51" eb="53">
      <t>ケンチク</t>
    </rPh>
    <rPh sb="53" eb="56">
      <t>カンケイシャ</t>
    </rPh>
    <rPh sb="57" eb="59">
      <t>コウシ</t>
    </rPh>
    <rPh sb="66" eb="67">
      <t>イタダ</t>
    </rPh>
    <rPh sb="70" eb="72">
      <t>イケン</t>
    </rPh>
    <rPh sb="73" eb="74">
      <t>フ</t>
    </rPh>
    <rPh sb="79" eb="82">
      <t>コンネンド</t>
    </rPh>
    <rPh sb="83" eb="85">
      <t>コウシ</t>
    </rPh>
    <rPh sb="86" eb="88">
      <t>ケントウ</t>
    </rPh>
    <rPh sb="97" eb="98">
      <t>イタダ</t>
    </rPh>
    <rPh sb="101" eb="103">
      <t>イケン</t>
    </rPh>
    <rPh sb="104" eb="105">
      <t>フ</t>
    </rPh>
    <rPh sb="110" eb="112">
      <t>フキュウ</t>
    </rPh>
    <rPh sb="113" eb="114">
      <t>カン</t>
    </rPh>
    <rPh sb="116" eb="118">
      <t>トリクミ</t>
    </rPh>
    <rPh sb="122" eb="124">
      <t>コンゴ</t>
    </rPh>
    <rPh sb="124" eb="126">
      <t>ケントウ</t>
    </rPh>
    <phoneticPr fontId="1"/>
  </si>
  <si>
    <t>〇本事業は、先の「実践事例」等を、県民会議委員が現地確認（検証）し、その結果を団体に伝えるとともに会議で共有し、団体の今後の取組み改善や、また他の構成団体の活動の改善に資することを期して実施しています。
〇現在の検証項目には「利用者の視点」という部分があり、そこに当事者参加も含めて考えておりますが、当事者参加は非常に重要な要素であること、また、要綱を策定してから年数が経過していること等から、検証項目の見直しが必要という委員ご意見も踏まえて、今後、見直しを検討したいと思います。</t>
    <rPh sb="1" eb="2">
      <t>ホン</t>
    </rPh>
    <rPh sb="2" eb="4">
      <t>ジギョウ</t>
    </rPh>
    <rPh sb="6" eb="7">
      <t>サキ</t>
    </rPh>
    <rPh sb="9" eb="11">
      <t>ジッセン</t>
    </rPh>
    <rPh sb="11" eb="13">
      <t>ジレイ</t>
    </rPh>
    <rPh sb="14" eb="15">
      <t>トウ</t>
    </rPh>
    <rPh sb="17" eb="19">
      <t>ケンミン</t>
    </rPh>
    <rPh sb="19" eb="21">
      <t>カイギ</t>
    </rPh>
    <rPh sb="21" eb="23">
      <t>イイン</t>
    </rPh>
    <rPh sb="24" eb="26">
      <t>ゲンチ</t>
    </rPh>
    <rPh sb="26" eb="28">
      <t>カクニン</t>
    </rPh>
    <rPh sb="29" eb="31">
      <t>ケンショウ</t>
    </rPh>
    <rPh sb="36" eb="38">
      <t>ケッカ</t>
    </rPh>
    <rPh sb="39" eb="41">
      <t>ダンタイ</t>
    </rPh>
    <rPh sb="42" eb="43">
      <t>ツタ</t>
    </rPh>
    <rPh sb="49" eb="51">
      <t>カイギ</t>
    </rPh>
    <rPh sb="52" eb="54">
      <t>キョウユウ</t>
    </rPh>
    <rPh sb="56" eb="58">
      <t>ダンタイ</t>
    </rPh>
    <rPh sb="59" eb="61">
      <t>コンゴ</t>
    </rPh>
    <rPh sb="62" eb="64">
      <t>トリク</t>
    </rPh>
    <rPh sb="65" eb="67">
      <t>カイゼン</t>
    </rPh>
    <rPh sb="71" eb="72">
      <t>ホカ</t>
    </rPh>
    <rPh sb="73" eb="75">
      <t>コウセイ</t>
    </rPh>
    <rPh sb="75" eb="77">
      <t>ダンタイ</t>
    </rPh>
    <rPh sb="78" eb="80">
      <t>カツドウ</t>
    </rPh>
    <rPh sb="81" eb="83">
      <t>カイゼン</t>
    </rPh>
    <rPh sb="84" eb="85">
      <t>シ</t>
    </rPh>
    <rPh sb="90" eb="91">
      <t>キ</t>
    </rPh>
    <rPh sb="93" eb="95">
      <t>ジッシ</t>
    </rPh>
    <rPh sb="104" eb="106">
      <t>ゲンザイ</t>
    </rPh>
    <rPh sb="236" eb="237">
      <t>オモ</t>
    </rPh>
    <phoneticPr fontId="1"/>
  </si>
  <si>
    <t>〇ご意見も踏まえ、モニタリングの実施については新型コロナウイルス感染症の状況や影響も勘案しつつ検討します。</t>
    <rPh sb="2" eb="4">
      <t>イケン</t>
    </rPh>
    <rPh sb="5" eb="6">
      <t>フ</t>
    </rPh>
    <rPh sb="16" eb="18">
      <t>ジッシ</t>
    </rPh>
    <rPh sb="36" eb="38">
      <t>ジョウキョウ</t>
    </rPh>
    <phoneticPr fontId="1"/>
  </si>
  <si>
    <t>〇ＵＤ2020行動計画における「心のバリアフリー」の定義や考え方について、一般への理解がまだ進んでいない面があると思われ、県民会議においても、バリアフリーの街づくりに関する普及活動を行う中で、こうした部分についてもいっそうの理解促進を図る必要があると考えます。</t>
    <rPh sb="7" eb="9">
      <t>コウドウ</t>
    </rPh>
    <rPh sb="9" eb="11">
      <t>ケイカク</t>
    </rPh>
    <rPh sb="16" eb="17">
      <t>ココロ</t>
    </rPh>
    <rPh sb="26" eb="28">
      <t>テイギ</t>
    </rPh>
    <rPh sb="29" eb="30">
      <t>カンガ</t>
    </rPh>
    <rPh sb="31" eb="32">
      <t>カタ</t>
    </rPh>
    <rPh sb="41" eb="43">
      <t>リカイ</t>
    </rPh>
    <rPh sb="46" eb="47">
      <t>スス</t>
    </rPh>
    <rPh sb="52" eb="53">
      <t>メン</t>
    </rPh>
    <rPh sb="57" eb="58">
      <t>オモ</t>
    </rPh>
    <rPh sb="61" eb="63">
      <t>ケンミン</t>
    </rPh>
    <rPh sb="63" eb="65">
      <t>カイギ</t>
    </rPh>
    <rPh sb="78" eb="79">
      <t>マチ</t>
    </rPh>
    <rPh sb="83" eb="84">
      <t>カン</t>
    </rPh>
    <rPh sb="86" eb="88">
      <t>フキュウ</t>
    </rPh>
    <rPh sb="88" eb="90">
      <t>カツドウ</t>
    </rPh>
    <rPh sb="91" eb="92">
      <t>オコナ</t>
    </rPh>
    <rPh sb="93" eb="94">
      <t>ナカ</t>
    </rPh>
    <rPh sb="100" eb="102">
      <t>ブブン</t>
    </rPh>
    <rPh sb="112" eb="114">
      <t>リカイ</t>
    </rPh>
    <rPh sb="114" eb="116">
      <t>ソクシン</t>
    </rPh>
    <rPh sb="117" eb="118">
      <t>ハカ</t>
    </rPh>
    <rPh sb="119" eb="121">
      <t>ヒツヨウ</t>
    </rPh>
    <rPh sb="125" eb="126">
      <t>カンガ</t>
    </rPh>
    <phoneticPr fontId="1"/>
  </si>
  <si>
    <t>〇より多くの方のバリアフリーの街づくりに関する行動を起こすきっかけとなるよう、成果物を活用して取り組んでいきます。</t>
    <rPh sb="3" eb="4">
      <t>オオ</t>
    </rPh>
    <rPh sb="6" eb="7">
      <t>カタ</t>
    </rPh>
    <rPh sb="15" eb="16">
      <t>マチ</t>
    </rPh>
    <rPh sb="20" eb="21">
      <t>カン</t>
    </rPh>
    <rPh sb="23" eb="25">
      <t>コウドウ</t>
    </rPh>
    <rPh sb="26" eb="27">
      <t>オ</t>
    </rPh>
    <rPh sb="39" eb="42">
      <t>セイカブツ</t>
    </rPh>
    <rPh sb="43" eb="45">
      <t>カツヨウ</t>
    </rPh>
    <rPh sb="47" eb="48">
      <t>ト</t>
    </rPh>
    <rPh sb="49" eb="50">
      <t>ク</t>
    </rPh>
    <phoneticPr fontId="1"/>
  </si>
  <si>
    <t>斉藤
委員</t>
    <rPh sb="0" eb="2">
      <t>サイトウ</t>
    </rPh>
    <rPh sb="3" eb="5">
      <t>イイン</t>
    </rPh>
    <phoneticPr fontId="1"/>
  </si>
  <si>
    <t>関根
委員</t>
    <rPh sb="0" eb="2">
      <t>セキネ</t>
    </rPh>
    <rPh sb="3" eb="5">
      <t>イイン</t>
    </rPh>
    <phoneticPr fontId="1"/>
  </si>
  <si>
    <t>中野
委員</t>
    <rPh sb="0" eb="2">
      <t>ナカノ</t>
    </rPh>
    <rPh sb="3" eb="5">
      <t>イイン</t>
    </rPh>
    <phoneticPr fontId="1"/>
  </si>
  <si>
    <t>和久井
委員</t>
    <rPh sb="0" eb="3">
      <t>ワクイ</t>
    </rPh>
    <rPh sb="4" eb="6">
      <t>イイン</t>
    </rPh>
    <phoneticPr fontId="1"/>
  </si>
  <si>
    <t>河原
委員</t>
    <rPh sb="0" eb="2">
      <t>カワハラ</t>
    </rPh>
    <rPh sb="3" eb="5">
      <t>イイン</t>
    </rPh>
    <phoneticPr fontId="1"/>
  </si>
  <si>
    <t>野口
委員</t>
    <rPh sb="0" eb="2">
      <t>ノグチ</t>
    </rPh>
    <rPh sb="3" eb="5">
      <t>イイン</t>
    </rPh>
    <phoneticPr fontId="1"/>
  </si>
  <si>
    <t>下田
委員</t>
    <rPh sb="0" eb="2">
      <t>シモダ</t>
    </rPh>
    <rPh sb="3" eb="5">
      <t>イイン</t>
    </rPh>
    <phoneticPr fontId="1"/>
  </si>
  <si>
    <t>滝澤
委員</t>
    <rPh sb="0" eb="2">
      <t>タキザワ</t>
    </rPh>
    <rPh sb="3" eb="5">
      <t>イイン</t>
    </rPh>
    <phoneticPr fontId="1"/>
  </si>
  <si>
    <t>西川
委員</t>
    <rPh sb="0" eb="2">
      <t>ニシカワ</t>
    </rPh>
    <rPh sb="3" eb="5">
      <t>イイン</t>
    </rPh>
    <phoneticPr fontId="1"/>
  </si>
  <si>
    <t>鈴木
孝幸
委員</t>
    <rPh sb="0" eb="2">
      <t>スズキ</t>
    </rPh>
    <rPh sb="3" eb="5">
      <t>タカユキ</t>
    </rPh>
    <rPh sb="6" eb="8">
      <t>イイン</t>
    </rPh>
    <phoneticPr fontId="1"/>
  </si>
  <si>
    <t>渡邊
委員</t>
    <rPh sb="0" eb="2">
      <t>ワタナベ</t>
    </rPh>
    <rPh sb="3" eb="5">
      <t>イイン</t>
    </rPh>
    <phoneticPr fontId="1"/>
  </si>
  <si>
    <t>事務局回答（対応の方向性）</t>
    <rPh sb="0" eb="3">
      <t>ジムキョク</t>
    </rPh>
    <rPh sb="3" eb="5">
      <t>カイトウ</t>
    </rPh>
    <rPh sb="6" eb="8">
      <t>タイオウ</t>
    </rPh>
    <rPh sb="9" eb="12">
      <t>ホウコウセイ</t>
    </rPh>
    <phoneticPr fontId="1"/>
  </si>
  <si>
    <t xml:space="preserve">第19回神奈川県バリアフリー街づくり推進県民会議（書面開催）委員意見要旨・事務局回答（対応の方向性）
</t>
    <rPh sb="0" eb="1">
      <t>ダイ</t>
    </rPh>
    <rPh sb="3" eb="4">
      <t>カイ</t>
    </rPh>
    <rPh sb="4" eb="8">
      <t>カナガワケン</t>
    </rPh>
    <rPh sb="14" eb="15">
      <t>マチ</t>
    </rPh>
    <rPh sb="18" eb="20">
      <t>スイシン</t>
    </rPh>
    <rPh sb="20" eb="22">
      <t>ケンミン</t>
    </rPh>
    <rPh sb="22" eb="24">
      <t>カイギ</t>
    </rPh>
    <rPh sb="25" eb="27">
      <t>ショメン</t>
    </rPh>
    <rPh sb="27" eb="29">
      <t>カイサイ</t>
    </rPh>
    <rPh sb="30" eb="32">
      <t>イイン</t>
    </rPh>
    <rPh sb="32" eb="34">
      <t>イケン</t>
    </rPh>
    <rPh sb="34" eb="36">
      <t>ヨウシ</t>
    </rPh>
    <rPh sb="37" eb="40">
      <t>ジムキョク</t>
    </rPh>
    <rPh sb="40" eb="42">
      <t>カイトウ</t>
    </rPh>
    <rPh sb="43" eb="45">
      <t>タイオウ</t>
    </rPh>
    <rPh sb="46" eb="49">
      <t>ホウコウセイ</t>
    </rPh>
    <phoneticPr fontId="4"/>
  </si>
  <si>
    <t>〇ご意見を踏まえた工夫については、今年度からの第６期の取組としてご議論いただくことを検討します。</t>
    <rPh sb="9" eb="11">
      <t>クフウ</t>
    </rPh>
    <rPh sb="33" eb="35">
      <t>ギロン</t>
    </rPh>
    <rPh sb="42" eb="44">
      <t>ケントウ</t>
    </rPh>
    <phoneticPr fontId="1"/>
  </si>
  <si>
    <t>〇取組事例集は構成を見やすくする等の工夫を行った上でいったん作成する予定ですが、ご意見を踏まえた工夫については、今年度からの第６期の取組としてご議論いただくことを検討します。</t>
    <rPh sb="1" eb="3">
      <t>トリクミ</t>
    </rPh>
    <rPh sb="3" eb="5">
      <t>ジレイ</t>
    </rPh>
    <rPh sb="5" eb="6">
      <t>シュウ</t>
    </rPh>
    <rPh sb="7" eb="9">
      <t>コウセイ</t>
    </rPh>
    <rPh sb="10" eb="11">
      <t>ミ</t>
    </rPh>
    <rPh sb="16" eb="17">
      <t>トウ</t>
    </rPh>
    <rPh sb="18" eb="20">
      <t>クフウ</t>
    </rPh>
    <rPh sb="21" eb="22">
      <t>オコナ</t>
    </rPh>
    <rPh sb="24" eb="25">
      <t>ウエ</t>
    </rPh>
    <rPh sb="30" eb="32">
      <t>サクセイ</t>
    </rPh>
    <rPh sb="34" eb="36">
      <t>ヨテイ</t>
    </rPh>
    <rPh sb="41" eb="43">
      <t>イケン</t>
    </rPh>
    <rPh sb="44" eb="45">
      <t>フ</t>
    </rPh>
    <rPh sb="48" eb="50">
      <t>クフウ</t>
    </rPh>
    <rPh sb="56" eb="59">
      <t>コンネンド</t>
    </rPh>
    <rPh sb="62" eb="63">
      <t>ダイ</t>
    </rPh>
    <rPh sb="64" eb="65">
      <t>キ</t>
    </rPh>
    <rPh sb="66" eb="68">
      <t>トリクミ</t>
    </rPh>
    <rPh sb="72" eb="74">
      <t>ギロン</t>
    </rPh>
    <rPh sb="81" eb="83">
      <t>ケント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1"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scheme val="minor"/>
    </font>
    <font>
      <sz val="11"/>
      <color theme="1"/>
      <name val="ＭＳ Ｐゴシック"/>
      <family val="2"/>
      <scheme val="minor"/>
    </font>
    <font>
      <sz val="6"/>
      <name val="ＭＳ Ｐゴシック"/>
      <family val="3"/>
      <charset val="128"/>
      <scheme val="minor"/>
    </font>
    <font>
      <sz val="11"/>
      <color theme="1"/>
      <name val="ＭＳ Ｐゴシック"/>
      <family val="3"/>
      <charset val="128"/>
    </font>
    <font>
      <sz val="16"/>
      <name val="ＭＳ Ｐゴシック"/>
      <family val="2"/>
      <scheme val="minor"/>
    </font>
    <font>
      <sz val="16"/>
      <name val="ＭＳ Ｐゴシック"/>
      <family val="3"/>
      <charset val="128"/>
      <scheme val="minor"/>
    </font>
    <font>
      <sz val="12"/>
      <name val="ＭＳ Ｐゴシック"/>
      <family val="3"/>
      <charset val="128"/>
      <scheme val="minor"/>
    </font>
    <font>
      <sz val="11"/>
      <name val="ＭＳ 明朝"/>
      <family val="1"/>
      <charset val="128"/>
    </font>
    <font>
      <sz val="11"/>
      <color theme="1"/>
      <name val="ＭＳ 明朝"/>
      <family val="1"/>
      <charset val="128"/>
    </font>
  </fonts>
  <fills count="3">
    <fill>
      <patternFill patternType="none"/>
    </fill>
    <fill>
      <patternFill patternType="gray125"/>
    </fill>
    <fill>
      <patternFill patternType="solid">
        <fgColor theme="8" tint="0.59999389629810485"/>
        <bgColor indexed="64"/>
      </patternFill>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s>
  <cellStyleXfs count="2">
    <xf numFmtId="0" fontId="0" fillId="0" borderId="0">
      <alignment vertical="center"/>
    </xf>
    <xf numFmtId="0" fontId="3" fillId="0" borderId="0"/>
  </cellStyleXfs>
  <cellXfs count="48">
    <xf numFmtId="0" fontId="0" fillId="0" borderId="0" xfId="0">
      <alignment vertical="center"/>
    </xf>
    <xf numFmtId="0" fontId="2" fillId="0" borderId="0" xfId="1" applyFont="1"/>
    <xf numFmtId="0" fontId="2" fillId="0" borderId="0" xfId="1" applyFont="1" applyAlignment="1">
      <alignment horizontal="center" vertical="center"/>
    </xf>
    <xf numFmtId="0" fontId="2" fillId="0" borderId="0" xfId="1" applyFont="1" applyAlignment="1">
      <alignment horizontal="left" vertical="top" wrapText="1"/>
    </xf>
    <xf numFmtId="0" fontId="2" fillId="0" borderId="0" xfId="1" applyFont="1" applyFill="1"/>
    <xf numFmtId="0" fontId="2" fillId="0" borderId="0" xfId="1" applyFont="1" applyAlignment="1">
      <alignment vertical="center"/>
    </xf>
    <xf numFmtId="0" fontId="2" fillId="2" borderId="6" xfId="1" applyFont="1" applyFill="1" applyBorder="1" applyAlignment="1">
      <alignment horizontal="left" vertical="center" wrapText="1"/>
    </xf>
    <xf numFmtId="0" fontId="2" fillId="2" borderId="7" xfId="1" applyFont="1" applyFill="1" applyBorder="1" applyAlignment="1">
      <alignment horizontal="center" vertical="center" wrapText="1"/>
    </xf>
    <xf numFmtId="0" fontId="5" fillId="2" borderId="6" xfId="1" applyFont="1" applyFill="1" applyBorder="1" applyAlignment="1">
      <alignment vertical="center" wrapText="1"/>
    </xf>
    <xf numFmtId="0" fontId="2" fillId="2" borderId="7"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3" xfId="1" applyFont="1" applyFill="1" applyBorder="1" applyAlignment="1">
      <alignment horizontal="center" vertical="center" wrapText="1"/>
    </xf>
    <xf numFmtId="0" fontId="2" fillId="2" borderId="8" xfId="1" applyFont="1" applyFill="1" applyBorder="1" applyAlignment="1">
      <alignment horizontal="left" vertical="center"/>
    </xf>
    <xf numFmtId="0" fontId="2" fillId="2" borderId="7" xfId="1" applyFont="1" applyFill="1" applyBorder="1" applyAlignment="1">
      <alignment horizontal="left" vertical="top" wrapText="1"/>
    </xf>
    <xf numFmtId="0" fontId="6" fillId="0" borderId="0" xfId="0" applyFont="1" applyAlignment="1">
      <alignment horizontal="center" vertical="center" wrapText="1"/>
    </xf>
    <xf numFmtId="0" fontId="7" fillId="0" borderId="0" xfId="0" applyFont="1" applyAlignment="1">
      <alignment horizontal="center" vertical="center" wrapText="1"/>
    </xf>
    <xf numFmtId="0" fontId="8" fillId="0" borderId="0" xfId="0" applyFont="1" applyAlignment="1">
      <alignment horizontal="right"/>
    </xf>
    <xf numFmtId="0" fontId="9" fillId="0" borderId="4" xfId="1" applyFont="1" applyFill="1" applyBorder="1" applyAlignment="1">
      <alignment horizontal="center" vertical="center"/>
    </xf>
    <xf numFmtId="0" fontId="9" fillId="0" borderId="4" xfId="1" applyFont="1" applyFill="1" applyBorder="1" applyAlignment="1">
      <alignment horizontal="left" vertical="top" wrapText="1"/>
    </xf>
    <xf numFmtId="0" fontId="9" fillId="0" borderId="4" xfId="1" applyFont="1" applyFill="1" applyBorder="1" applyAlignment="1">
      <alignment horizontal="center" vertical="center" wrapText="1"/>
    </xf>
    <xf numFmtId="0" fontId="9" fillId="0" borderId="1" xfId="1" applyFont="1" applyFill="1" applyBorder="1" applyAlignment="1">
      <alignment horizontal="center" vertical="center"/>
    </xf>
    <xf numFmtId="0" fontId="10" fillId="0" borderId="1" xfId="1" applyFont="1" applyFill="1" applyBorder="1" applyAlignment="1">
      <alignment vertical="top" wrapText="1"/>
    </xf>
    <xf numFmtId="0" fontId="9" fillId="0" borderId="1" xfId="1" applyFont="1" applyFill="1" applyBorder="1" applyAlignment="1">
      <alignment horizontal="center" vertical="center" wrapText="1"/>
    </xf>
    <xf numFmtId="0" fontId="9" fillId="0" borderId="3" xfId="1" applyFont="1" applyFill="1" applyBorder="1" applyAlignment="1">
      <alignment horizontal="center" vertical="center"/>
    </xf>
    <xf numFmtId="0" fontId="10" fillId="0" borderId="3" xfId="1" applyFont="1" applyFill="1" applyBorder="1" applyAlignment="1">
      <alignment vertical="top" wrapText="1"/>
    </xf>
    <xf numFmtId="0" fontId="9" fillId="0" borderId="3" xfId="1" applyFont="1" applyFill="1" applyBorder="1" applyAlignment="1">
      <alignment horizontal="center" vertical="center" wrapText="1"/>
    </xf>
    <xf numFmtId="0" fontId="9" fillId="0" borderId="5" xfId="1" applyFont="1" applyFill="1" applyBorder="1" applyAlignment="1">
      <alignment horizontal="left" vertical="top" wrapText="1"/>
    </xf>
    <xf numFmtId="0" fontId="9" fillId="0" borderId="2" xfId="1" applyFont="1" applyFill="1" applyBorder="1" applyAlignment="1">
      <alignment horizontal="left" vertical="top" wrapText="1"/>
    </xf>
    <xf numFmtId="0" fontId="9" fillId="0" borderId="1" xfId="1" applyFont="1" applyFill="1" applyBorder="1" applyAlignment="1">
      <alignment horizontal="left" vertical="top" wrapText="1"/>
    </xf>
    <xf numFmtId="0" fontId="9" fillId="0" borderId="9" xfId="1" applyFont="1" applyFill="1" applyBorder="1" applyAlignment="1">
      <alignment horizontal="center" vertical="center"/>
    </xf>
    <xf numFmtId="0" fontId="9" fillId="0" borderId="10" xfId="1" applyFont="1" applyFill="1" applyBorder="1" applyAlignment="1">
      <alignment horizontal="left" vertical="top" wrapText="1"/>
    </xf>
    <xf numFmtId="0" fontId="9" fillId="0" borderId="9" xfId="1" applyFont="1" applyFill="1" applyBorder="1" applyAlignment="1">
      <alignment horizontal="center" vertical="center" wrapText="1"/>
    </xf>
    <xf numFmtId="0" fontId="5" fillId="2" borderId="8" xfId="1" applyFont="1" applyFill="1" applyBorder="1" applyAlignment="1">
      <alignment vertical="center"/>
    </xf>
    <xf numFmtId="0" fontId="2" fillId="2" borderId="11" xfId="1" applyFont="1" applyFill="1" applyBorder="1" applyAlignment="1">
      <alignment vertical="top" wrapText="1"/>
    </xf>
    <xf numFmtId="0" fontId="2" fillId="2" borderId="12" xfId="1" applyFont="1" applyFill="1" applyBorder="1"/>
    <xf numFmtId="0" fontId="2" fillId="2" borderId="11" xfId="1" applyFont="1" applyFill="1" applyBorder="1" applyAlignment="1">
      <alignment vertical="center" wrapText="1"/>
    </xf>
    <xf numFmtId="0" fontId="2" fillId="2" borderId="11" xfId="1" applyFont="1" applyFill="1" applyBorder="1"/>
    <xf numFmtId="0" fontId="9" fillId="0" borderId="9" xfId="1" applyFont="1" applyFill="1" applyBorder="1" applyAlignment="1">
      <alignment horizontal="left" vertical="top" wrapText="1"/>
    </xf>
    <xf numFmtId="0" fontId="10" fillId="0" borderId="9" xfId="1" applyFont="1" applyFill="1" applyBorder="1" applyAlignment="1">
      <alignment vertical="top" wrapText="1"/>
    </xf>
    <xf numFmtId="0" fontId="9" fillId="0" borderId="1" xfId="1" applyFont="1" applyFill="1" applyBorder="1" applyAlignment="1">
      <alignment vertical="top" wrapText="1"/>
    </xf>
    <xf numFmtId="0" fontId="9" fillId="0" borderId="4" xfId="1" applyFont="1" applyFill="1" applyBorder="1" applyAlignment="1">
      <alignment vertical="top" wrapText="1"/>
    </xf>
    <xf numFmtId="0" fontId="9" fillId="0" borderId="9" xfId="1" applyFont="1" applyFill="1" applyBorder="1" applyAlignment="1">
      <alignment vertical="top" wrapText="1"/>
    </xf>
    <xf numFmtId="0" fontId="9" fillId="0" borderId="4" xfId="1" applyFont="1" applyFill="1" applyBorder="1" applyAlignment="1">
      <alignment horizontal="left" vertical="center" wrapText="1"/>
    </xf>
    <xf numFmtId="0" fontId="9" fillId="0" borderId="1" xfId="1" applyFont="1" applyFill="1" applyBorder="1" applyAlignment="1">
      <alignment horizontal="left" vertical="center" wrapText="1"/>
    </xf>
    <xf numFmtId="0" fontId="9" fillId="0" borderId="1" xfId="1" applyFont="1" applyFill="1" applyBorder="1" applyAlignment="1">
      <alignment vertical="top"/>
    </xf>
    <xf numFmtId="0" fontId="9" fillId="0" borderId="3" xfId="1" applyFont="1" applyFill="1" applyBorder="1" applyAlignment="1">
      <alignment vertical="top" wrapText="1"/>
    </xf>
    <xf numFmtId="0" fontId="6" fillId="0" borderId="0" xfId="0" applyFont="1" applyAlignment="1">
      <alignment horizontal="left" vertical="center" wrapText="1"/>
    </xf>
    <xf numFmtId="0" fontId="0" fillId="0" borderId="0" xfId="0" applyAlignment="1">
      <alignment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D51"/>
  <sheetViews>
    <sheetView tabSelected="1" view="pageBreakPreview" zoomScale="75" zoomScaleNormal="75" zoomScaleSheetLayoutView="75" workbookViewId="0">
      <selection activeCell="B35" sqref="B35"/>
    </sheetView>
  </sheetViews>
  <sheetFormatPr defaultColWidth="8.77734375" defaultRowHeight="13.2" x14ac:dyDescent="0.2"/>
  <cols>
    <col min="1" max="1" width="3.44140625" style="2" bestFit="1" customWidth="1"/>
    <col min="2" max="2" width="95.44140625" style="3" customWidth="1"/>
    <col min="3" max="3" width="6.77734375" style="2" customWidth="1"/>
    <col min="4" max="4" width="76.21875" style="1" customWidth="1"/>
    <col min="5" max="16384" width="8.77734375" style="1"/>
  </cols>
  <sheetData>
    <row r="1" spans="1:4" ht="54.6" customHeight="1" x14ac:dyDescent="0.2">
      <c r="A1" s="46" t="s">
        <v>93</v>
      </c>
      <c r="B1" s="47"/>
      <c r="C1" s="47"/>
      <c r="D1" s="47"/>
    </row>
    <row r="2" spans="1:4" ht="25.2" customHeight="1" x14ac:dyDescent="0.2">
      <c r="A2" s="14"/>
      <c r="B2" s="15"/>
      <c r="C2" s="15"/>
      <c r="D2" s="16" t="s">
        <v>66</v>
      </c>
    </row>
    <row r="3" spans="1:4" s="2" customFormat="1" ht="46.95" customHeight="1" thickBot="1" x14ac:dyDescent="0.25">
      <c r="A3" s="10" t="s">
        <v>0</v>
      </c>
      <c r="B3" s="11" t="s">
        <v>65</v>
      </c>
      <c r="C3" s="10" t="s">
        <v>21</v>
      </c>
      <c r="D3" s="10" t="s">
        <v>92</v>
      </c>
    </row>
    <row r="4" spans="1:4" ht="22.95" customHeight="1" thickBot="1" x14ac:dyDescent="0.25">
      <c r="A4" s="12" t="s">
        <v>3</v>
      </c>
      <c r="B4" s="13"/>
      <c r="C4" s="9"/>
      <c r="D4" s="34"/>
    </row>
    <row r="5" spans="1:4" ht="64.95" customHeight="1" x14ac:dyDescent="0.2">
      <c r="A5" s="17">
        <v>1</v>
      </c>
      <c r="B5" s="18" t="s">
        <v>67</v>
      </c>
      <c r="C5" s="19" t="s">
        <v>81</v>
      </c>
      <c r="D5" s="40" t="s">
        <v>13</v>
      </c>
    </row>
    <row r="6" spans="1:4" ht="70.2" customHeight="1" x14ac:dyDescent="0.2">
      <c r="A6" s="20">
        <v>2</v>
      </c>
      <c r="B6" s="21" t="s">
        <v>22</v>
      </c>
      <c r="C6" s="22" t="s">
        <v>82</v>
      </c>
      <c r="D6" s="40" t="s">
        <v>13</v>
      </c>
    </row>
    <row r="7" spans="1:4" ht="93.6" customHeight="1" x14ac:dyDescent="0.2">
      <c r="A7" s="20">
        <v>3</v>
      </c>
      <c r="B7" s="21" t="s">
        <v>23</v>
      </c>
      <c r="C7" s="22" t="s">
        <v>82</v>
      </c>
      <c r="D7" s="39" t="s">
        <v>14</v>
      </c>
    </row>
    <row r="8" spans="1:4" ht="60.6" customHeight="1" x14ac:dyDescent="0.2">
      <c r="A8" s="20">
        <v>4</v>
      </c>
      <c r="B8" s="21" t="s">
        <v>25</v>
      </c>
      <c r="C8" s="22" t="s">
        <v>83</v>
      </c>
      <c r="D8" s="39" t="s">
        <v>20</v>
      </c>
    </row>
    <row r="9" spans="1:4" ht="82.2" customHeight="1" x14ac:dyDescent="0.2">
      <c r="A9" s="23">
        <v>5</v>
      </c>
      <c r="B9" s="24" t="s">
        <v>24</v>
      </c>
      <c r="C9" s="25" t="s">
        <v>84</v>
      </c>
      <c r="D9" s="45" t="s">
        <v>94</v>
      </c>
    </row>
    <row r="10" spans="1:4" ht="84" customHeight="1" thickBot="1" x14ac:dyDescent="0.25">
      <c r="A10" s="29">
        <v>6</v>
      </c>
      <c r="B10" s="38" t="s">
        <v>26</v>
      </c>
      <c r="C10" s="31" t="s">
        <v>83</v>
      </c>
      <c r="D10" s="41" t="s">
        <v>95</v>
      </c>
    </row>
    <row r="11" spans="1:4" ht="22.95" customHeight="1" thickBot="1" x14ac:dyDescent="0.25">
      <c r="A11" s="32" t="s">
        <v>4</v>
      </c>
      <c r="B11" s="8"/>
      <c r="C11" s="7"/>
      <c r="D11" s="33"/>
    </row>
    <row r="12" spans="1:4" s="4" customFormat="1" ht="63" customHeight="1" x14ac:dyDescent="0.2">
      <c r="A12" s="17">
        <v>1</v>
      </c>
      <c r="B12" s="26" t="s">
        <v>27</v>
      </c>
      <c r="C12" s="19" t="s">
        <v>81</v>
      </c>
      <c r="D12" s="40" t="s">
        <v>9</v>
      </c>
    </row>
    <row r="13" spans="1:4" s="4" customFormat="1" ht="44.4" customHeight="1" x14ac:dyDescent="0.2">
      <c r="A13" s="20">
        <v>2</v>
      </c>
      <c r="B13" s="27" t="s">
        <v>28</v>
      </c>
      <c r="C13" s="22" t="s">
        <v>82</v>
      </c>
      <c r="D13" s="39" t="s">
        <v>63</v>
      </c>
    </row>
    <row r="14" spans="1:4" s="4" customFormat="1" ht="100.2" customHeight="1" x14ac:dyDescent="0.2">
      <c r="A14" s="20">
        <v>3</v>
      </c>
      <c r="B14" s="27" t="s">
        <v>29</v>
      </c>
      <c r="C14" s="22" t="s">
        <v>82</v>
      </c>
      <c r="D14" s="39" t="s">
        <v>68</v>
      </c>
    </row>
    <row r="15" spans="1:4" ht="66.599999999999994" customHeight="1" x14ac:dyDescent="0.2">
      <c r="A15" s="20">
        <v>4</v>
      </c>
      <c r="B15" s="27" t="s">
        <v>30</v>
      </c>
      <c r="C15" s="22" t="s">
        <v>83</v>
      </c>
      <c r="D15" s="39" t="s">
        <v>15</v>
      </c>
    </row>
    <row r="16" spans="1:4" ht="54" customHeight="1" x14ac:dyDescent="0.2">
      <c r="A16" s="20">
        <v>5</v>
      </c>
      <c r="B16" s="27" t="s">
        <v>31</v>
      </c>
      <c r="C16" s="22" t="s">
        <v>85</v>
      </c>
      <c r="D16" s="39" t="s">
        <v>69</v>
      </c>
    </row>
    <row r="17" spans="1:4" ht="97.2" customHeight="1" x14ac:dyDescent="0.2">
      <c r="A17" s="20">
        <v>6</v>
      </c>
      <c r="B17" s="27" t="s">
        <v>32</v>
      </c>
      <c r="C17" s="22" t="s">
        <v>85</v>
      </c>
      <c r="D17" s="39" t="s">
        <v>70</v>
      </c>
    </row>
    <row r="18" spans="1:4" ht="42.6" customHeight="1" x14ac:dyDescent="0.2">
      <c r="A18" s="20">
        <v>7</v>
      </c>
      <c r="B18" s="27" t="s">
        <v>33</v>
      </c>
      <c r="C18" s="22" t="s">
        <v>86</v>
      </c>
      <c r="D18" s="39" t="s">
        <v>69</v>
      </c>
    </row>
    <row r="19" spans="1:4" ht="55.2" customHeight="1" x14ac:dyDescent="0.2">
      <c r="A19" s="20">
        <v>8</v>
      </c>
      <c r="B19" s="27" t="s">
        <v>34</v>
      </c>
      <c r="C19" s="22" t="s">
        <v>87</v>
      </c>
      <c r="D19" s="39" t="s">
        <v>36</v>
      </c>
    </row>
    <row r="20" spans="1:4" ht="55.2" customHeight="1" x14ac:dyDescent="0.2">
      <c r="A20" s="20">
        <v>9</v>
      </c>
      <c r="B20" s="27" t="s">
        <v>35</v>
      </c>
      <c r="C20" s="22" t="s">
        <v>87</v>
      </c>
      <c r="D20" s="39" t="s">
        <v>71</v>
      </c>
    </row>
    <row r="21" spans="1:4" ht="76.2" customHeight="1" x14ac:dyDescent="0.2">
      <c r="A21" s="20">
        <v>10</v>
      </c>
      <c r="B21" s="27" t="s">
        <v>37</v>
      </c>
      <c r="C21" s="22" t="s">
        <v>84</v>
      </c>
      <c r="D21" s="39" t="s">
        <v>69</v>
      </c>
    </row>
    <row r="22" spans="1:4" s="4" customFormat="1" ht="78" customHeight="1" thickBot="1" x14ac:dyDescent="0.25">
      <c r="A22" s="29">
        <v>11</v>
      </c>
      <c r="B22" s="30" t="s">
        <v>38</v>
      </c>
      <c r="C22" s="31" t="s">
        <v>84</v>
      </c>
      <c r="D22" s="39" t="s">
        <v>71</v>
      </c>
    </row>
    <row r="23" spans="1:4" ht="22.95" customHeight="1" thickBot="1" x14ac:dyDescent="0.25">
      <c r="A23" s="12" t="s">
        <v>5</v>
      </c>
      <c r="B23" s="6"/>
      <c r="C23" s="7"/>
      <c r="D23" s="33"/>
    </row>
    <row r="24" spans="1:4" ht="55.95" customHeight="1" x14ac:dyDescent="0.2">
      <c r="A24" s="17">
        <v>1</v>
      </c>
      <c r="B24" s="18" t="s">
        <v>39</v>
      </c>
      <c r="C24" s="19" t="s">
        <v>81</v>
      </c>
      <c r="D24" s="42" t="s">
        <v>10</v>
      </c>
    </row>
    <row r="25" spans="1:4" ht="76.95" customHeight="1" x14ac:dyDescent="0.2">
      <c r="A25" s="20">
        <v>2</v>
      </c>
      <c r="B25" s="28" t="s">
        <v>8</v>
      </c>
      <c r="C25" s="22" t="s">
        <v>82</v>
      </c>
      <c r="D25" s="43" t="s">
        <v>11</v>
      </c>
    </row>
    <row r="26" spans="1:4" ht="83.4" customHeight="1" x14ac:dyDescent="0.2">
      <c r="A26" s="20">
        <v>3</v>
      </c>
      <c r="B26" s="28" t="s">
        <v>2</v>
      </c>
      <c r="C26" s="22" t="s">
        <v>82</v>
      </c>
      <c r="D26" s="39" t="s">
        <v>72</v>
      </c>
    </row>
    <row r="27" spans="1:4" ht="51" customHeight="1" x14ac:dyDescent="0.2">
      <c r="A27" s="20">
        <v>4</v>
      </c>
      <c r="B27" s="28" t="s">
        <v>40</v>
      </c>
      <c r="C27" s="22" t="s">
        <v>83</v>
      </c>
      <c r="D27" s="39" t="s">
        <v>73</v>
      </c>
    </row>
    <row r="28" spans="1:4" ht="42.6" customHeight="1" x14ac:dyDescent="0.2">
      <c r="A28" s="20">
        <v>5</v>
      </c>
      <c r="B28" s="28" t="s">
        <v>41</v>
      </c>
      <c r="C28" s="22" t="s">
        <v>85</v>
      </c>
      <c r="D28" s="39" t="s">
        <v>64</v>
      </c>
    </row>
    <row r="29" spans="1:4" ht="50.4" customHeight="1" x14ac:dyDescent="0.2">
      <c r="A29" s="20">
        <v>6</v>
      </c>
      <c r="B29" s="28" t="s">
        <v>42</v>
      </c>
      <c r="C29" s="22" t="s">
        <v>86</v>
      </c>
      <c r="D29" s="39" t="s">
        <v>71</v>
      </c>
    </row>
    <row r="30" spans="1:4" ht="74.400000000000006" customHeight="1" x14ac:dyDescent="0.2">
      <c r="A30" s="20">
        <v>7</v>
      </c>
      <c r="B30" s="28" t="s">
        <v>43</v>
      </c>
      <c r="C30" s="22" t="s">
        <v>86</v>
      </c>
      <c r="D30" s="43" t="s">
        <v>11</v>
      </c>
    </row>
    <row r="31" spans="1:4" ht="55.95" customHeight="1" x14ac:dyDescent="0.2">
      <c r="A31" s="20">
        <v>8</v>
      </c>
      <c r="B31" s="28" t="s">
        <v>44</v>
      </c>
      <c r="C31" s="22" t="s">
        <v>88</v>
      </c>
      <c r="D31" s="39" t="s">
        <v>74</v>
      </c>
    </row>
    <row r="32" spans="1:4" ht="87" customHeight="1" x14ac:dyDescent="0.2">
      <c r="A32" s="20">
        <v>9</v>
      </c>
      <c r="B32" s="28" t="s">
        <v>45</v>
      </c>
      <c r="C32" s="22" t="s">
        <v>84</v>
      </c>
      <c r="D32" s="43" t="s">
        <v>16</v>
      </c>
    </row>
    <row r="33" spans="1:4" ht="78.599999999999994" customHeight="1" thickBot="1" x14ac:dyDescent="0.25">
      <c r="A33" s="29">
        <v>10</v>
      </c>
      <c r="B33" s="37" t="s">
        <v>46</v>
      </c>
      <c r="C33" s="31" t="s">
        <v>84</v>
      </c>
      <c r="D33" s="41" t="s">
        <v>64</v>
      </c>
    </row>
    <row r="34" spans="1:4" s="5" customFormat="1" ht="22.95" customHeight="1" thickBot="1" x14ac:dyDescent="0.25">
      <c r="A34" s="12" t="s">
        <v>6</v>
      </c>
      <c r="B34" s="6"/>
      <c r="C34" s="7"/>
      <c r="D34" s="35"/>
    </row>
    <row r="35" spans="1:4" ht="144" customHeight="1" x14ac:dyDescent="0.2">
      <c r="A35" s="17">
        <v>1</v>
      </c>
      <c r="B35" s="18" t="s">
        <v>47</v>
      </c>
      <c r="C35" s="19" t="s">
        <v>82</v>
      </c>
      <c r="D35" s="40" t="s">
        <v>17</v>
      </c>
    </row>
    <row r="36" spans="1:4" ht="74.400000000000006" customHeight="1" x14ac:dyDescent="0.2">
      <c r="A36" s="20">
        <v>2</v>
      </c>
      <c r="B36" s="28" t="s">
        <v>48</v>
      </c>
      <c r="C36" s="22" t="s">
        <v>83</v>
      </c>
      <c r="D36" s="40" t="s">
        <v>12</v>
      </c>
    </row>
    <row r="37" spans="1:4" ht="42" customHeight="1" x14ac:dyDescent="0.2">
      <c r="A37" s="20">
        <v>3</v>
      </c>
      <c r="B37" s="28" t="s">
        <v>49</v>
      </c>
      <c r="C37" s="22" t="s">
        <v>89</v>
      </c>
      <c r="D37" s="39" t="s">
        <v>75</v>
      </c>
    </row>
    <row r="38" spans="1:4" ht="86.4" customHeight="1" thickBot="1" x14ac:dyDescent="0.25">
      <c r="A38" s="29">
        <v>4</v>
      </c>
      <c r="B38" s="37" t="s">
        <v>50</v>
      </c>
      <c r="C38" s="31" t="s">
        <v>87</v>
      </c>
      <c r="D38" s="41" t="s">
        <v>76</v>
      </c>
    </row>
    <row r="39" spans="1:4" ht="22.95" customHeight="1" thickBot="1" x14ac:dyDescent="0.25">
      <c r="A39" s="12" t="s">
        <v>7</v>
      </c>
      <c r="B39" s="6"/>
      <c r="C39" s="7"/>
      <c r="D39" s="36"/>
    </row>
    <row r="40" spans="1:4" ht="42.6" customHeight="1" x14ac:dyDescent="0.2">
      <c r="A40" s="17">
        <v>1</v>
      </c>
      <c r="B40" s="18" t="s">
        <v>51</v>
      </c>
      <c r="C40" s="19" t="s">
        <v>81</v>
      </c>
      <c r="D40" s="39" t="s">
        <v>75</v>
      </c>
    </row>
    <row r="41" spans="1:4" ht="126.6" customHeight="1" x14ac:dyDescent="0.2">
      <c r="A41" s="20">
        <v>2</v>
      </c>
      <c r="B41" s="28" t="s">
        <v>52</v>
      </c>
      <c r="C41" s="22" t="s">
        <v>82</v>
      </c>
      <c r="D41" s="39" t="s">
        <v>77</v>
      </c>
    </row>
    <row r="42" spans="1:4" ht="136.19999999999999" customHeight="1" x14ac:dyDescent="0.2">
      <c r="A42" s="20">
        <v>3</v>
      </c>
      <c r="B42" s="28" t="s">
        <v>53</v>
      </c>
      <c r="C42" s="22" t="s">
        <v>83</v>
      </c>
      <c r="D42" s="39" t="s">
        <v>77</v>
      </c>
    </row>
    <row r="43" spans="1:4" ht="64.2" customHeight="1" x14ac:dyDescent="0.2">
      <c r="A43" s="20">
        <v>4</v>
      </c>
      <c r="B43" s="28" t="s">
        <v>55</v>
      </c>
      <c r="C43" s="22" t="s">
        <v>90</v>
      </c>
      <c r="D43" s="39" t="s">
        <v>78</v>
      </c>
    </row>
    <row r="44" spans="1:4" ht="77.400000000000006" customHeight="1" thickBot="1" x14ac:dyDescent="0.25">
      <c r="A44" s="29">
        <v>5</v>
      </c>
      <c r="B44" s="37" t="s">
        <v>54</v>
      </c>
      <c r="C44" s="31" t="s">
        <v>84</v>
      </c>
      <c r="D44" s="41" t="s">
        <v>75</v>
      </c>
    </row>
    <row r="45" spans="1:4" ht="22.95" customHeight="1" thickBot="1" x14ac:dyDescent="0.25">
      <c r="A45" s="12" t="s">
        <v>1</v>
      </c>
      <c r="B45" s="6"/>
      <c r="C45" s="7"/>
      <c r="D45" s="36"/>
    </row>
    <row r="46" spans="1:4" ht="147.6" customHeight="1" x14ac:dyDescent="0.2">
      <c r="A46" s="17">
        <v>1</v>
      </c>
      <c r="B46" s="18" t="s">
        <v>56</v>
      </c>
      <c r="C46" s="19" t="s">
        <v>82</v>
      </c>
      <c r="D46" s="40" t="s">
        <v>18</v>
      </c>
    </row>
    <row r="47" spans="1:4" ht="266.39999999999998" customHeight="1" x14ac:dyDescent="0.2">
      <c r="A47" s="20">
        <v>2</v>
      </c>
      <c r="B47" s="28" t="s">
        <v>57</v>
      </c>
      <c r="C47" s="22" t="s">
        <v>83</v>
      </c>
      <c r="D47" s="39" t="s">
        <v>79</v>
      </c>
    </row>
    <row r="48" spans="1:4" ht="33" customHeight="1" x14ac:dyDescent="0.2">
      <c r="A48" s="20">
        <v>3</v>
      </c>
      <c r="B48" s="28" t="s">
        <v>59</v>
      </c>
      <c r="C48" s="22" t="s">
        <v>89</v>
      </c>
      <c r="D48" s="44" t="s">
        <v>19</v>
      </c>
    </row>
    <row r="49" spans="1:4" ht="61.2" customHeight="1" x14ac:dyDescent="0.2">
      <c r="A49" s="20">
        <v>4</v>
      </c>
      <c r="B49" s="28" t="s">
        <v>60</v>
      </c>
      <c r="C49" s="22" t="s">
        <v>86</v>
      </c>
      <c r="D49" s="39" t="s">
        <v>58</v>
      </c>
    </row>
    <row r="50" spans="1:4" ht="64.95" customHeight="1" x14ac:dyDescent="0.2">
      <c r="A50" s="20">
        <v>5</v>
      </c>
      <c r="B50" s="28" t="s">
        <v>61</v>
      </c>
      <c r="C50" s="22" t="s">
        <v>91</v>
      </c>
      <c r="D50" s="39" t="s">
        <v>80</v>
      </c>
    </row>
    <row r="51" spans="1:4" ht="54.6" customHeight="1" x14ac:dyDescent="0.2">
      <c r="A51" s="20">
        <v>6</v>
      </c>
      <c r="B51" s="28" t="s">
        <v>62</v>
      </c>
      <c r="C51" s="22" t="s">
        <v>87</v>
      </c>
      <c r="D51" s="39" t="s">
        <v>36</v>
      </c>
    </row>
  </sheetData>
  <mergeCells count="1">
    <mergeCell ref="A1:D1"/>
  </mergeCells>
  <phoneticPr fontId="1"/>
  <pageMargins left="0.19685039370078741" right="0.19685039370078741" top="0.47244094488188981" bottom="0.47244094488188981" header="0.31496062992125984" footer="0.31496062992125984"/>
  <pageSetup paperSize="9" scale="80" fitToHeight="0" orientation="landscape" r:id="rId1"/>
  <rowBreaks count="7" manualBreakCount="7">
    <brk id="10" max="5" man="1"/>
    <brk id="19" max="5" man="1"/>
    <brk id="22" max="16383" man="1"/>
    <brk id="33" max="16383" man="1"/>
    <brk id="38" max="16383" man="1"/>
    <brk id="44" max="16383" man="1"/>
    <brk id="47" max="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19回県民会議 </vt:lpstr>
      <vt:lpstr>'第19回県民会議 '!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J-USER</dc:creator>
  <cp:lastModifiedBy>user</cp:lastModifiedBy>
  <cp:lastPrinted>2021-04-30T09:44:47Z</cp:lastPrinted>
  <dcterms:created xsi:type="dcterms:W3CDTF">2018-01-06T21:28:27Z</dcterms:created>
  <dcterms:modified xsi:type="dcterms:W3CDTF">2021-05-17T07:52:47Z</dcterms:modified>
</cp:coreProperties>
</file>